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1\"/>
    </mc:Choice>
  </mc:AlternateContent>
  <xr:revisionPtr revIDLastSave="0" documentId="13_ncr:1_{4FF3265A-AD53-40D3-AFB4-EA24F01E5190}" xr6:coauthVersionLast="47" xr6:coauthVersionMax="47" xr10:uidLastSave="{00000000-0000-0000-0000-000000000000}"/>
  <bookViews>
    <workbookView xWindow="-120" yWindow="-120" windowWidth="29040" windowHeight="15840" xr2:uid="{BD1DDD4C-782D-4263-B2D8-D668DE253AAC}"/>
  </bookViews>
  <sheets>
    <sheet name="23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4">
  <si>
    <t>名称№２３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５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不凍液</t>
  </si>
  <si>
    <t>収集運搬及び処分</t>
  </si>
  <si>
    <t>Ｌ</t>
  </si>
  <si>
    <t>乾燥汚泥</t>
  </si>
  <si>
    <t>Ｋｇ</t>
  </si>
  <si>
    <t>乾燥汚泥（混合物有）</t>
    <rPh sb="5" eb="8">
      <t>コンゴウブツ</t>
    </rPh>
    <rPh sb="8" eb="9">
      <t>アリ</t>
    </rPh>
    <phoneticPr fontId="2"/>
  </si>
  <si>
    <t>廃油（ギヤ油系）</t>
  </si>
  <si>
    <r>
      <t>収集運搬及び処分</t>
    </r>
    <r>
      <rPr>
        <sz val="10"/>
        <rFont val="ＭＳ Ｐ明朝"/>
        <family val="1"/>
        <charset val="128"/>
      </rPr>
      <t>（容器含む）</t>
    </r>
    <rPh sb="9" eb="11">
      <t>ヨウキ</t>
    </rPh>
    <rPh sb="11" eb="12">
      <t>フク</t>
    </rPh>
    <phoneticPr fontId="2"/>
  </si>
  <si>
    <t>廃油（グリース系）</t>
  </si>
  <si>
    <t>廃油（シンナー系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Ｐ明朝"/>
      <family val="1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4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5" fillId="0" borderId="0" xfId="0" applyFont="1" applyAlignment="1">
      <alignment horizontal="left" vertical="center" wrapText="1"/>
    </xf>
    <xf numFmtId="0" fontId="16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83CB62A4-C684-492A-A32B-137CB813F01D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1A7209-DB3E-464A-A83C-2FB64E1AFCC5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13" sqref="M13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480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6</v>
      </c>
      <c r="F10" s="25">
        <v>8560</v>
      </c>
      <c r="G10" s="32"/>
      <c r="H10" s="27"/>
    </row>
    <row r="11" spans="1:10" ht="24.95" customHeight="1" x14ac:dyDescent="0.15">
      <c r="A11" s="20">
        <v>3</v>
      </c>
      <c r="B11" s="28" t="s">
        <v>17</v>
      </c>
      <c r="C11" s="29">
        <v>1</v>
      </c>
      <c r="D11" s="30" t="s">
        <v>13</v>
      </c>
      <c r="E11" s="31" t="s">
        <v>16</v>
      </c>
      <c r="F11" s="25">
        <v>500</v>
      </c>
      <c r="G11" s="32"/>
      <c r="H11" s="27"/>
    </row>
    <row r="12" spans="1:10" ht="24.95" customHeight="1" x14ac:dyDescent="0.15">
      <c r="A12" s="20">
        <v>4</v>
      </c>
      <c r="B12" s="28" t="s">
        <v>18</v>
      </c>
      <c r="C12" s="29">
        <v>1</v>
      </c>
      <c r="D12" s="30" t="s">
        <v>19</v>
      </c>
      <c r="E12" s="31" t="s">
        <v>14</v>
      </c>
      <c r="F12" s="25">
        <v>500</v>
      </c>
      <c r="G12" s="32"/>
      <c r="H12" s="27"/>
    </row>
    <row r="13" spans="1:10" ht="24.95" customHeight="1" x14ac:dyDescent="0.15">
      <c r="A13" s="33">
        <v>5</v>
      </c>
      <c r="B13" s="34" t="s">
        <v>20</v>
      </c>
      <c r="C13" s="33">
        <v>1</v>
      </c>
      <c r="D13" s="35" t="s">
        <v>19</v>
      </c>
      <c r="E13" s="36" t="s">
        <v>14</v>
      </c>
      <c r="F13" s="37">
        <v>100</v>
      </c>
      <c r="G13" s="38"/>
      <c r="H13" s="39"/>
    </row>
    <row r="14" spans="1:10" ht="24.95" customHeight="1" x14ac:dyDescent="0.15">
      <c r="A14" s="20">
        <v>6</v>
      </c>
      <c r="B14" s="40" t="s">
        <v>21</v>
      </c>
      <c r="C14" s="20">
        <v>1</v>
      </c>
      <c r="D14" s="41" t="s">
        <v>19</v>
      </c>
      <c r="E14" s="42" t="s">
        <v>14</v>
      </c>
      <c r="F14" s="43">
        <v>10</v>
      </c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2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3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4</v>
      </c>
      <c r="H42" s="56"/>
    </row>
    <row r="43" spans="1:8" ht="20.100000000000001" customHeight="1" x14ac:dyDescent="0.15">
      <c r="A43" s="56"/>
      <c r="B43" s="56" t="s">
        <v>25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6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7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8</v>
      </c>
      <c r="E46" s="56"/>
      <c r="F46" s="56"/>
      <c r="G46" s="56"/>
      <c r="H46" s="57" t="s">
        <v>29</v>
      </c>
    </row>
    <row r="47" spans="1:8" ht="20.100000000000001" customHeight="1" x14ac:dyDescent="0.15">
      <c r="A47" s="56"/>
      <c r="B47" s="56"/>
      <c r="C47" s="56"/>
      <c r="D47" s="57" t="s">
        <v>30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31</v>
      </c>
      <c r="E49" s="56"/>
      <c r="F49" s="59"/>
      <c r="G49" s="56"/>
      <c r="H49" s="57" t="s">
        <v>29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2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3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1</vt:lpstr>
      <vt:lpstr>'23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5:53Z</dcterms:created>
  <dcterms:modified xsi:type="dcterms:W3CDTF">2023-02-22T05:00:46Z</dcterms:modified>
</cp:coreProperties>
</file>